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7\07_電子自治体Ｇ\03_神奈川電子自治体共同運営サービス\02_次期システム\02_施設予約システム\13_利用規約・ガイドブック検討\利用規約改訂\"/>
    </mc:Choice>
  </mc:AlternateContent>
  <xr:revisionPtr revIDLastSave="0" documentId="8_{6A8BA02F-C8EE-462B-9B0B-D84A16868039}" xr6:coauthVersionLast="47" xr6:coauthVersionMax="47" xr10:uidLastSave="{00000000-0000-0000-0000-000000000000}"/>
  <bookViews>
    <workbookView xWindow="19110" yWindow="-90" windowWidth="19380" windowHeight="10260" xr2:uid="{2318114E-A255-4FEE-B4F9-BC1AC9E88F96}"/>
  </bookViews>
  <sheets>
    <sheet name="団体登録名簿（様式２）" sheetId="9" r:id="rId1"/>
  </sheets>
  <externalReferences>
    <externalReference r:id="rId2"/>
  </externalReferences>
  <definedNames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  <definedName name="AA">[0]!AA</definedName>
    <definedName name="Access_Button" hidden="1">"機器構成_ver7_List"</definedName>
    <definedName name="AccessDatabase" hidden="1">"B:\My Documents\富山\機器構成\機器構成.mdb"</definedName>
    <definedName name="EE">[0]!EE</definedName>
    <definedName name="_ido2">[0]!_ido2</definedName>
    <definedName name="Pos_SQL_Make">[0]!Pos_SQL_Make</definedName>
    <definedName name="_xlnm.Print_Area" localSheetId="0">'団体登録名簿（様式２）'!$A$1:$F$52</definedName>
    <definedName name="SAI">[0]!SAI</definedName>
    <definedName name="SAIZU">[0]!SAIZU</definedName>
    <definedName name="ｓｄｆ">[0]!ｓｄｆ</definedName>
    <definedName name="table">[0]!table</definedName>
    <definedName name="あ">[0]!あ</definedName>
    <definedName name="ああ">[0]!ああ</definedName>
    <definedName name="あああ">[0]!あああ</definedName>
    <definedName name="いいい">[0]!いいい</definedName>
    <definedName name="し">[0]!し</definedName>
    <definedName name="印刷指定">[0]!印刷指定</definedName>
    <definedName name="原紙">[0]!原紙</definedName>
    <definedName name="利用登録決定通知書２">[0]!利用登録決定通知書２</definedName>
  </definedNames>
  <calcPr calcId="125725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" uniqueCount="13">
  <si>
    <t>団　　体　　登　　録　　名　　簿</t>
    <rPh sb="0" eb="1">
      <t>ダン</t>
    </rPh>
    <rPh sb="3" eb="4">
      <t>カラダ</t>
    </rPh>
    <rPh sb="6" eb="7">
      <t>ノボル</t>
    </rPh>
    <rPh sb="9" eb="10">
      <t>ロク</t>
    </rPh>
    <rPh sb="12" eb="13">
      <t>メイ</t>
    </rPh>
    <rPh sb="15" eb="16">
      <t>ボ</t>
    </rPh>
    <phoneticPr fontId="37"/>
  </si>
  <si>
    <t>氏名</t>
    <rPh sb="0" eb="2">
      <t>シメイ</t>
    </rPh>
    <phoneticPr fontId="37"/>
  </si>
  <si>
    <t>住所</t>
    <rPh sb="0" eb="2">
      <t>ジュウショ</t>
    </rPh>
    <phoneticPr fontId="37"/>
  </si>
  <si>
    <t>電話</t>
    <rPh sb="0" eb="2">
      <t>デンワ</t>
    </rPh>
    <phoneticPr fontId="37"/>
  </si>
  <si>
    <t>Eメールアドレス</t>
    <phoneticPr fontId="37"/>
  </si>
  <si>
    <t>代表者</t>
    <rPh sb="0" eb="3">
      <t>ダイヒョウシャ</t>
    </rPh>
    <phoneticPr fontId="37"/>
  </si>
  <si>
    <t>連絡者</t>
    <rPh sb="0" eb="3">
      <t>レンラクシャ</t>
    </rPh>
    <phoneticPr fontId="37"/>
  </si>
  <si>
    <t xml:space="preserve"> </t>
    <phoneticPr fontId="37"/>
  </si>
  <si>
    <t xml:space="preserve"> </t>
    <phoneticPr fontId="37"/>
  </si>
  <si>
    <t>Eメールアドレス</t>
    <phoneticPr fontId="37"/>
  </si>
  <si>
    <t>No.</t>
    <phoneticPr fontId="37"/>
  </si>
  <si>
    <t>（団体名：　　　　　　　　　　　　　　　　　　　　　　　　　　　　　　）　利用者番号：</t>
    <rPh sb="37" eb="40">
      <t>リヨウシャ</t>
    </rPh>
    <phoneticPr fontId="37"/>
  </si>
  <si>
    <t>様式２</t>
    <phoneticPr fontId="3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43" formatCode="_ * #,##0.00_ ;_ * \-#,##0.00_ ;_ * &quot;-&quot;??_ ;_ @_ "/>
    <numFmt numFmtId="176" formatCode="#,##0_ "/>
    <numFmt numFmtId="177" formatCode="0_);\(0\)"/>
    <numFmt numFmtId="178" formatCode="#,##0_ ;[Red]\-#,##0\ "/>
    <numFmt numFmtId="179" formatCode="#,##0;\-#,##0;&quot;-&quot;"/>
    <numFmt numFmtId="180" formatCode="&quot;$&quot;#,##0_);[Red]\(&quot;$&quot;#,##0\)"/>
    <numFmt numFmtId="181" formatCode="&quot;$&quot;#,##0_);\(&quot;$&quot;#,##0\)"/>
    <numFmt numFmtId="182" formatCode="&quot;$&quot;#,##0;[Red]\-&quot;$&quot;#,##0"/>
    <numFmt numFmtId="183" formatCode="&quot;$&quot;#,##0.00;[Red]\-&quot;$&quot;#,##0.00"/>
    <numFmt numFmtId="184" formatCode="#,##0_ ;[Red]&quot;¥&quot;\!\-#,##0&quot;¥&quot;\!\ "/>
  </numFmts>
  <fonts count="42" x14ac:knownFonts="1">
    <font>
      <sz val="10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0"/>
      <name val="MS Sans Serif"/>
      <family val="2"/>
    </font>
    <font>
      <sz val="10"/>
      <color indexed="8"/>
      <name val="Arial"/>
      <family val="2"/>
    </font>
    <font>
      <sz val="10"/>
      <name val="MS Sans Serif"/>
      <family val="2"/>
    </font>
    <font>
      <sz val="10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1"/>
      <name val="ＭＳ 明朝"/>
      <family val="1"/>
      <charset val="128"/>
    </font>
    <font>
      <sz val="10"/>
      <color indexed="9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5"/>
      <name val="ＭＳ 明朝"/>
      <family val="1"/>
      <charset val="128"/>
    </font>
    <font>
      <b/>
      <sz val="18"/>
      <name val="ＭＳ ゴシック"/>
      <family val="3"/>
      <charset val="128"/>
    </font>
    <font>
      <sz val="14"/>
      <name val="ＭＳ Ｐゴシック"/>
      <family val="3"/>
      <charset val="128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</fills>
  <borders count="35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79">
    <xf numFmtId="0" fontId="0" fillId="0" borderId="0">
      <alignment vertical="center"/>
    </xf>
    <xf numFmtId="0" fontId="4" fillId="2" borderId="0" applyNumberFormat="0" applyBorder="0" applyAlignment="0" applyProtection="0">
      <alignment vertical="center"/>
    </xf>
    <xf numFmtId="0" fontId="4" fillId="3" borderId="0" applyNumberFormat="0" applyBorder="0" applyAlignment="0" applyProtection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5" fillId="12" borderId="0" applyNumberFormat="0" applyBorder="0" applyAlignment="0" applyProtection="0">
      <alignment vertical="center"/>
    </xf>
    <xf numFmtId="0" fontId="5" fillId="9" borderId="0" applyNumberFormat="0" applyBorder="0" applyAlignment="0" applyProtection="0">
      <alignment vertical="center"/>
    </xf>
    <xf numFmtId="0" fontId="5" fillId="10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5" borderId="0" applyNumberFormat="0" applyBorder="0" applyAlignment="0" applyProtection="0">
      <alignment vertical="center"/>
    </xf>
    <xf numFmtId="181" fontId="6" fillId="0" borderId="1" applyAlignment="0" applyProtection="0"/>
    <xf numFmtId="179" fontId="7" fillId="0" borderId="0" applyFill="0" applyBorder="0" applyAlignment="0"/>
    <xf numFmtId="38" fontId="8" fillId="0" borderId="0" applyFont="0" applyFill="0" applyBorder="0" applyAlignment="0" applyProtection="0"/>
    <xf numFmtId="43" fontId="9" fillId="0" borderId="0" applyFont="0" applyFill="0" applyBorder="0" applyAlignment="0" applyProtection="0"/>
    <xf numFmtId="182" fontId="8" fillId="0" borderId="0" applyFont="0" applyFill="0" applyBorder="0" applyAlignment="0" applyProtection="0"/>
    <xf numFmtId="183" fontId="8" fillId="0" borderId="0" applyFont="0" applyFill="0" applyBorder="0" applyAlignment="0" applyProtection="0"/>
    <xf numFmtId="0" fontId="10" fillId="0" borderId="0">
      <alignment horizontal="left"/>
    </xf>
    <xf numFmtId="38" fontId="11" fillId="16" borderId="0" applyNumberFormat="0" applyBorder="0" applyAlignment="0" applyProtection="0"/>
    <xf numFmtId="0" fontId="12" fillId="0" borderId="2" applyNumberFormat="0" applyAlignment="0" applyProtection="0">
      <alignment horizontal="left" vertical="center"/>
    </xf>
    <xf numFmtId="0" fontId="12" fillId="0" borderId="3">
      <alignment horizontal="left" vertical="center"/>
    </xf>
    <xf numFmtId="10" fontId="11" fillId="17" borderId="4" applyNumberFormat="0" applyBorder="0" applyAlignment="0" applyProtection="0"/>
    <xf numFmtId="180" fontId="13" fillId="0" borderId="0"/>
    <xf numFmtId="0" fontId="9" fillId="0" borderId="0"/>
    <xf numFmtId="10" fontId="9" fillId="0" borderId="0" applyFont="0" applyFill="0" applyBorder="0" applyAlignment="0" applyProtection="0"/>
    <xf numFmtId="0" fontId="14" fillId="0" borderId="0" applyNumberFormat="0" applyFont="0">
      <alignment vertical="center"/>
    </xf>
    <xf numFmtId="4" fontId="15" fillId="0" borderId="0">
      <alignment horizontal="right"/>
    </xf>
    <xf numFmtId="0" fontId="16" fillId="0" borderId="0">
      <alignment horizontal="left"/>
    </xf>
    <xf numFmtId="0" fontId="17" fillId="0" borderId="0">
      <alignment horizont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22" borderId="5" applyNumberFormat="0" applyAlignment="0" applyProtection="0">
      <alignment vertical="center"/>
    </xf>
    <xf numFmtId="0" fontId="20" fillId="23" borderId="0" applyNumberFormat="0" applyBorder="0" applyAlignment="0" applyProtection="0">
      <alignment vertical="center"/>
    </xf>
    <xf numFmtId="0" fontId="22" fillId="24" borderId="6" applyNumberFormat="0" applyFont="0" applyAlignment="0" applyProtection="0">
      <alignment vertical="center"/>
    </xf>
    <xf numFmtId="0" fontId="23" fillId="0" borderId="7" applyNumberFormat="0" applyFill="0" applyAlignment="0" applyProtection="0">
      <alignment vertical="center"/>
    </xf>
    <xf numFmtId="0" fontId="24" fillId="3" borderId="0" applyNumberFormat="0" applyBorder="0" applyAlignment="0" applyProtection="0">
      <alignment vertical="center"/>
    </xf>
    <xf numFmtId="178" fontId="21" fillId="0" borderId="0" applyBorder="0">
      <alignment horizontal="right"/>
    </xf>
    <xf numFmtId="0" fontId="1" fillId="0" borderId="0">
      <alignment vertical="center"/>
    </xf>
    <xf numFmtId="0" fontId="25" fillId="25" borderId="8" applyNumberFormat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9" applyNumberFormat="0" applyFill="0" applyAlignment="0" applyProtection="0">
      <alignment vertical="center"/>
    </xf>
    <xf numFmtId="0" fontId="28" fillId="0" borderId="10" applyNumberFormat="0" applyFill="0" applyAlignment="0" applyProtection="0">
      <alignment vertical="center"/>
    </xf>
    <xf numFmtId="0" fontId="29" fillId="0" borderId="11" applyNumberFormat="0" applyFill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30" fillId="0" borderId="12" applyNumberFormat="0" applyFill="0" applyAlignment="0" applyProtection="0">
      <alignment vertical="center"/>
    </xf>
    <xf numFmtId="0" fontId="31" fillId="25" borderId="13" applyNumberFormat="0" applyAlignment="0" applyProtection="0">
      <alignment vertical="center"/>
    </xf>
    <xf numFmtId="177" fontId="21" fillId="0" borderId="0" applyBorder="0">
      <alignment horizontal="left"/>
    </xf>
    <xf numFmtId="184" fontId="21" fillId="0" borderId="0" applyFill="0" applyBorder="0"/>
    <xf numFmtId="177" fontId="21" fillId="0" borderId="0" applyBorder="0">
      <alignment horizontal="left"/>
    </xf>
    <xf numFmtId="49" fontId="21" fillId="26" borderId="14">
      <alignment horizontal="center"/>
    </xf>
    <xf numFmtId="176" fontId="21" fillId="26" borderId="14">
      <alignment horizontal="right"/>
    </xf>
    <xf numFmtId="14" fontId="21" fillId="26" borderId="0" applyBorder="0">
      <alignment horizontal="center"/>
    </xf>
    <xf numFmtId="49" fontId="21" fillId="0" borderId="14"/>
    <xf numFmtId="0" fontId="32" fillId="0" borderId="0" applyNumberFormat="0" applyFill="0" applyBorder="0" applyAlignment="0" applyProtection="0">
      <alignment vertical="center"/>
    </xf>
    <xf numFmtId="14" fontId="21" fillId="0" borderId="15" applyBorder="0">
      <alignment horizontal="left"/>
    </xf>
    <xf numFmtId="0" fontId="33" fillId="7" borderId="8" applyNumberFormat="0" applyAlignment="0" applyProtection="0">
      <alignment vertical="center"/>
    </xf>
    <xf numFmtId="14" fontId="21" fillId="0" borderId="0" applyFill="0" applyBorder="0"/>
    <xf numFmtId="0" fontId="34" fillId="0" borderId="0">
      <alignment vertical="center"/>
    </xf>
    <xf numFmtId="0" fontId="34" fillId="0" borderId="0">
      <alignment vertical="center"/>
    </xf>
    <xf numFmtId="0" fontId="34" fillId="0" borderId="0">
      <alignment vertical="center"/>
    </xf>
    <xf numFmtId="49" fontId="21" fillId="0" borderId="0" applyBorder="0">
      <alignment horizontal="left"/>
    </xf>
    <xf numFmtId="0" fontId="3" fillId="0" borderId="0"/>
    <xf numFmtId="0" fontId="36" fillId="4" borderId="0" applyNumberFormat="0" applyBorder="0" applyAlignment="0" applyProtection="0">
      <alignment vertical="center"/>
    </xf>
    <xf numFmtId="0" fontId="4" fillId="0" borderId="0"/>
    <xf numFmtId="0" fontId="4" fillId="0" borderId="0"/>
    <xf numFmtId="0" fontId="4" fillId="0" borderId="0"/>
  </cellStyleXfs>
  <cellXfs count="43">
    <xf numFmtId="0" fontId="0" fillId="0" borderId="0" xfId="0">
      <alignment vertical="center"/>
    </xf>
    <xf numFmtId="0" fontId="34" fillId="0" borderId="0" xfId="72">
      <alignment vertical="center"/>
    </xf>
    <xf numFmtId="0" fontId="38" fillId="0" borderId="0" xfId="72" applyFont="1" applyAlignment="1">
      <alignment horizontal="centerContinuous" vertical="center"/>
    </xf>
    <xf numFmtId="0" fontId="13" fillId="0" borderId="16" xfId="72" applyFont="1" applyBorder="1">
      <alignment vertical="center"/>
    </xf>
    <xf numFmtId="0" fontId="13" fillId="0" borderId="16" xfId="72" applyFont="1" applyBorder="1" applyAlignment="1">
      <alignment horizontal="center" vertical="center"/>
    </xf>
    <xf numFmtId="0" fontId="13" fillId="0" borderId="0" xfId="72" applyFont="1">
      <alignment vertical="center"/>
    </xf>
    <xf numFmtId="0" fontId="39" fillId="0" borderId="14" xfId="72" applyFont="1" applyBorder="1" applyAlignment="1">
      <alignment vertical="top"/>
    </xf>
    <xf numFmtId="0" fontId="13" fillId="0" borderId="14" xfId="72" applyFont="1" applyBorder="1">
      <alignment vertical="center"/>
    </xf>
    <xf numFmtId="0" fontId="13" fillId="0" borderId="14" xfId="72" applyFont="1" applyBorder="1" applyAlignment="1">
      <alignment horizontal="center" vertical="center"/>
    </xf>
    <xf numFmtId="0" fontId="13" fillId="0" borderId="0" xfId="72" applyFont="1" applyBorder="1">
      <alignment vertical="center"/>
    </xf>
    <xf numFmtId="0" fontId="39" fillId="0" borderId="0" xfId="72" applyFont="1" applyBorder="1" applyAlignment="1">
      <alignment vertical="top"/>
    </xf>
    <xf numFmtId="0" fontId="13" fillId="0" borderId="0" xfId="72" applyFont="1" applyBorder="1" applyAlignment="1">
      <alignment horizontal="center" vertical="center"/>
    </xf>
    <xf numFmtId="0" fontId="3" fillId="0" borderId="0" xfId="72" applyFont="1">
      <alignment vertical="center"/>
    </xf>
    <xf numFmtId="0" fontId="2" fillId="0" borderId="16" xfId="72" applyFont="1" applyBorder="1" applyAlignment="1">
      <alignment vertical="top"/>
    </xf>
    <xf numFmtId="0" fontId="2" fillId="0" borderId="14" xfId="72" applyFont="1" applyBorder="1" applyAlignment="1">
      <alignment vertical="top"/>
    </xf>
    <xf numFmtId="0" fontId="34" fillId="0" borderId="0" xfId="72" applyAlignment="1">
      <alignment horizontal="center" vertical="center"/>
    </xf>
    <xf numFmtId="0" fontId="13" fillId="0" borderId="0" xfId="72" applyFont="1" applyBorder="1" applyAlignment="1">
      <alignment vertical="center"/>
    </xf>
    <xf numFmtId="0" fontId="34" fillId="0" borderId="0" xfId="72" applyBorder="1" applyAlignment="1">
      <alignment vertical="center"/>
    </xf>
    <xf numFmtId="0" fontId="13" fillId="0" borderId="17" xfId="72" applyFont="1" applyBorder="1" applyAlignment="1">
      <alignment horizontal="center" vertical="center"/>
    </xf>
    <xf numFmtId="0" fontId="13" fillId="0" borderId="18" xfId="72" applyFont="1" applyBorder="1" applyAlignment="1">
      <alignment horizontal="center" vertical="center"/>
    </xf>
    <xf numFmtId="0" fontId="39" fillId="0" borderId="19" xfId="72" applyFont="1" applyBorder="1" applyAlignment="1">
      <alignment vertical="top"/>
    </xf>
    <xf numFmtId="0" fontId="13" fillId="0" borderId="19" xfId="72" applyFont="1" applyBorder="1">
      <alignment vertical="center"/>
    </xf>
    <xf numFmtId="0" fontId="13" fillId="0" borderId="19" xfId="72" applyFont="1" applyBorder="1" applyAlignment="1">
      <alignment horizontal="center" vertical="center"/>
    </xf>
    <xf numFmtId="0" fontId="13" fillId="0" borderId="20" xfId="72" applyFont="1" applyBorder="1" applyAlignment="1">
      <alignment horizontal="center" vertical="center"/>
    </xf>
    <xf numFmtId="0" fontId="39" fillId="0" borderId="16" xfId="72" applyFont="1" applyBorder="1" applyAlignment="1">
      <alignment vertical="top"/>
    </xf>
    <xf numFmtId="0" fontId="13" fillId="0" borderId="0" xfId="72" applyFont="1" applyAlignment="1">
      <alignment horizontal="right" vertical="center"/>
    </xf>
    <xf numFmtId="0" fontId="41" fillId="0" borderId="0" xfId="72" applyFont="1" applyAlignment="1">
      <alignment horizontal="left" vertical="center"/>
    </xf>
    <xf numFmtId="0" fontId="41" fillId="0" borderId="0" xfId="72" applyFont="1">
      <alignment vertical="center"/>
    </xf>
    <xf numFmtId="0" fontId="13" fillId="0" borderId="33" xfId="72" applyFont="1" applyBorder="1" applyAlignment="1">
      <alignment vertical="center"/>
    </xf>
    <xf numFmtId="0" fontId="34" fillId="0" borderId="34" xfId="72" applyBorder="1" applyAlignment="1">
      <alignment vertical="center"/>
    </xf>
    <xf numFmtId="0" fontId="13" fillId="0" borderId="31" xfId="72" applyFont="1" applyBorder="1" applyAlignment="1">
      <alignment vertical="center"/>
    </xf>
    <xf numFmtId="0" fontId="34" fillId="0" borderId="32" xfId="72" applyBorder="1" applyAlignment="1">
      <alignment vertical="center"/>
    </xf>
    <xf numFmtId="0" fontId="13" fillId="0" borderId="29" xfId="72" applyFont="1" applyBorder="1" applyAlignment="1">
      <alignment vertical="center"/>
    </xf>
    <xf numFmtId="0" fontId="34" fillId="0" borderId="30" xfId="72" applyBorder="1" applyAlignment="1">
      <alignment vertical="center"/>
    </xf>
    <xf numFmtId="0" fontId="3" fillId="0" borderId="23" xfId="72" applyFont="1" applyBorder="1" applyAlignment="1">
      <alignment horizontal="center" vertical="center"/>
    </xf>
    <xf numFmtId="0" fontId="3" fillId="0" borderId="24" xfId="72" applyFont="1" applyBorder="1" applyAlignment="1">
      <alignment horizontal="center" vertical="center"/>
    </xf>
    <xf numFmtId="0" fontId="35" fillId="0" borderId="21" xfId="72" applyFont="1" applyBorder="1" applyAlignment="1">
      <alignment horizontal="center" vertical="center"/>
    </xf>
    <xf numFmtId="0" fontId="35" fillId="0" borderId="22" xfId="72" applyFont="1" applyBorder="1" applyAlignment="1">
      <alignment horizontal="center" vertical="center"/>
    </xf>
    <xf numFmtId="0" fontId="3" fillId="0" borderId="25" xfId="72" applyFont="1" applyBorder="1" applyAlignment="1">
      <alignment horizontal="center" vertical="center"/>
    </xf>
    <xf numFmtId="0" fontId="41" fillId="0" borderId="26" xfId="72" applyFont="1" applyBorder="1" applyAlignment="1">
      <alignment vertical="center"/>
    </xf>
    <xf numFmtId="0" fontId="41" fillId="0" borderId="27" xfId="72" applyFont="1" applyBorder="1" applyAlignment="1">
      <alignment vertical="center"/>
    </xf>
    <xf numFmtId="0" fontId="41" fillId="0" borderId="28" xfId="72" applyFont="1" applyBorder="1" applyAlignment="1">
      <alignment vertical="center"/>
    </xf>
    <xf numFmtId="0" fontId="40" fillId="0" borderId="0" xfId="72" applyFont="1" applyAlignment="1">
      <alignment horizontal="center" vertical="center"/>
    </xf>
  </cellXfs>
  <cellStyles count="7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Border" xfId="19" xr:uid="{90694E5D-6B02-4410-B9CA-E1E0349619CA}"/>
    <cellStyle name="Calc Currency (0)" xfId="20" xr:uid="{0E5875B7-77D8-41AA-A4F1-2CAC4E317A2A}"/>
    <cellStyle name="Comma [0]_CCOCPX" xfId="21" xr:uid="{29076911-A6D8-4413-9201-83E460803151}"/>
    <cellStyle name="Comma_Capex" xfId="22" xr:uid="{D1C18CB9-B8A8-4100-84F1-8F68C286797F}"/>
    <cellStyle name="Currency [0]_CCOCPX" xfId="23" xr:uid="{AB2A2946-B8E1-4096-8601-F9DF03970000}"/>
    <cellStyle name="Currency_CCOCPX" xfId="24" xr:uid="{067BA099-0896-4E3C-AB60-79800B65FFA3}"/>
    <cellStyle name="entry" xfId="25" xr:uid="{BEC9C316-C6A5-413F-BF44-85651C1F62CD}"/>
    <cellStyle name="Grey" xfId="26" xr:uid="{B46A53EF-D89D-49A0-AB58-814D328CC426}"/>
    <cellStyle name="Header1" xfId="27" xr:uid="{AACCB41A-89D3-4BE8-8581-9FFB9F94CC61}"/>
    <cellStyle name="Header2" xfId="28" xr:uid="{94511C98-CA47-4EA2-97E4-9E4B9034B437}"/>
    <cellStyle name="Input [yellow]" xfId="29" xr:uid="{B1BBBAC1-4987-4751-8979-C5C585746619}"/>
    <cellStyle name="Normal - Style1" xfId="30" xr:uid="{F7D16212-FDA1-41ED-BE15-D0F59792C12C}"/>
    <cellStyle name="Normal_#18-Internet" xfId="31" xr:uid="{A061D30B-705E-4C18-8289-4E7D6A33B26A}"/>
    <cellStyle name="Percent [2]" xfId="32" xr:uid="{1EC14797-5B62-479A-92BB-18A3CB59AFD5}"/>
    <cellStyle name="price" xfId="33" xr:uid="{F0C1FA3A-17F9-455C-95D8-373B6825D588}"/>
    <cellStyle name="revised" xfId="34" xr:uid="{CE040211-49F5-43C8-B205-6788E4348EE5}"/>
    <cellStyle name="section" xfId="35" xr:uid="{F262DF5B-1243-40EE-9859-262D0347AEB9}"/>
    <cellStyle name="title" xfId="36" xr:uid="{20B3E83E-38B2-4AB4-970B-58D9626F1B51}"/>
    <cellStyle name="アクセント 1" xfId="37" builtinId="29" customBuiltin="1"/>
    <cellStyle name="アクセント 2" xfId="38" builtinId="33" customBuiltin="1"/>
    <cellStyle name="アクセント 3" xfId="39" builtinId="37" customBuiltin="1"/>
    <cellStyle name="アクセント 4" xfId="40" builtinId="41" customBuiltin="1"/>
    <cellStyle name="アクセント 5" xfId="41" builtinId="45" customBuiltin="1"/>
    <cellStyle name="アクセント 6" xfId="42" builtinId="49" customBuiltin="1"/>
    <cellStyle name="タイトル" xfId="43" builtinId="15" customBuiltin="1"/>
    <cellStyle name="チェック セル" xfId="44" builtinId="23" customBuiltin="1"/>
    <cellStyle name="どちらでもない" xfId="45" builtinId="28" customBuiltin="1"/>
    <cellStyle name="メモ" xfId="46" builtinId="10" customBuiltin="1"/>
    <cellStyle name="リンク セル" xfId="47" builtinId="24" customBuiltin="1"/>
    <cellStyle name="悪い" xfId="48" builtinId="27" customBuiltin="1"/>
    <cellStyle name="価格桁区切り" xfId="49" xr:uid="{563D9B25-0544-4088-85EA-0FD7D5B9DBC8}"/>
    <cellStyle name="型番" xfId="50" xr:uid="{A104F325-0F5E-458E-810C-468CAF0FD1D2}"/>
    <cellStyle name="計算" xfId="51" builtinId="22" customBuiltin="1"/>
    <cellStyle name="警告文" xfId="52" builtinId="11" customBuiltin="1"/>
    <cellStyle name="見出し 1" xfId="53" builtinId="16" customBuiltin="1"/>
    <cellStyle name="見出し 2" xfId="54" builtinId="17" customBuiltin="1"/>
    <cellStyle name="見出し 3" xfId="55" builtinId="18" customBuiltin="1"/>
    <cellStyle name="見出し 4" xfId="56" builtinId="19" customBuiltin="1"/>
    <cellStyle name="集計" xfId="57" builtinId="25" customBuiltin="1"/>
    <cellStyle name="出力" xfId="58" builtinId="21" customBuiltin="1"/>
    <cellStyle name="数値" xfId="59" xr:uid="{AF5CAA05-821C-4FA7-AA9F-E3751A404A20}"/>
    <cellStyle name="数値（桁区切り）" xfId="60" xr:uid="{058755DE-ACB0-4B5E-805C-67C0540139E9}"/>
    <cellStyle name="数値_01_02_02_随時帳票_領収書ｲﾒｰｼﾞ_20091029SC" xfId="61" xr:uid="{AAFEBC3A-7FFE-47AB-B325-30B952902055}"/>
    <cellStyle name="製品通知&quot;-&quot;" xfId="62" xr:uid="{76A7B18E-2557-4EDC-897C-44A073F52E71}"/>
    <cellStyle name="製品通知価格" xfId="63" xr:uid="{850123D0-8E4C-43D9-A3E8-61640EAD034D}"/>
    <cellStyle name="製品通知日付" xfId="64" xr:uid="{610A1BE3-9057-4798-A260-CE2C61DCA69D}"/>
    <cellStyle name="製品通知文字列" xfId="65" xr:uid="{5112FF59-6C1D-46BF-9DDD-4396D3B10139}"/>
    <cellStyle name="説明文" xfId="66" builtinId="53" customBuiltin="1"/>
    <cellStyle name="日付" xfId="67" xr:uid="{1911E4D2-24E8-42D1-B568-1EB109313FEA}"/>
    <cellStyle name="入力" xfId="68" builtinId="20" customBuiltin="1"/>
    <cellStyle name="年月日" xfId="69" xr:uid="{C6F77FAE-4F80-4E61-B586-52F6432028E3}"/>
    <cellStyle name="標準" xfId="0" builtinId="0"/>
    <cellStyle name="標準 2" xfId="70" xr:uid="{B0989037-A08C-4B88-B4BE-FDB6BC8E1056}"/>
    <cellStyle name="標準 3" xfId="71" xr:uid="{96644570-ADD3-4A3B-A763-09F92CF87EE1}"/>
    <cellStyle name="標準_5_団体登録名簿" xfId="72" xr:uid="{10F237CA-6908-44E6-94AE-F28727754AA1}"/>
    <cellStyle name="文字列" xfId="73" xr:uid="{FA41A88E-6B4E-47F3-9D5E-C387F3BF18FF}"/>
    <cellStyle name="未定義" xfId="74" xr:uid="{E8CD6EB1-2EEB-4856-A5F3-4ED497F2B60F}"/>
    <cellStyle name="良い" xfId="75" builtinId="26" customBuiltin="1"/>
    <cellStyle name="乮`" xfId="76" xr:uid="{FAEEA03E-5D29-4CA3-8723-AEAD6E23BB12}"/>
    <cellStyle name="湪一恽X" xfId="77" xr:uid="{BA537A45-ACE2-4996-A816-C00EC91D1FCD}"/>
    <cellStyle name="湪匀恽X" xfId="78" xr:uid="{A19FF489-CAA3-4284-BB93-BCD2A8A2F216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fujii/&#12487;&#12473;&#12463;&#12488;&#12483;&#12503;/01_02_02_&#24115;&#31080;&#12539;CSV&#65394;&#65426;&#65392;&#65404;&#65438;/EUC_&#20206;&#20104;&#32004;&#24773;&#22577;&#65394;&#65426;&#65392;&#65404;&#65438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UC_仮予約情報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D38D6A-F305-4D60-93F3-6FDD6D2CD9ED}">
  <dimension ref="A1:F51"/>
  <sheetViews>
    <sheetView showGridLines="0" tabSelected="1" view="pageBreakPreview" zoomScaleNormal="75" zoomScaleSheetLayoutView="100" workbookViewId="0"/>
  </sheetViews>
  <sheetFormatPr defaultColWidth="10.33203125" defaultRowHeight="13.2" x14ac:dyDescent="0.15"/>
  <cols>
    <col min="1" max="1" width="3.88671875" style="15" customWidth="1"/>
    <col min="2" max="2" width="29" style="1" customWidth="1"/>
    <col min="3" max="3" width="50.5546875" style="1" customWidth="1"/>
    <col min="4" max="4" width="27.109375" style="1" customWidth="1"/>
    <col min="5" max="5" width="17.5546875" style="1" customWidth="1"/>
    <col min="6" max="6" width="12.5546875" style="1" customWidth="1"/>
    <col min="7" max="16384" width="10.33203125" style="1"/>
  </cols>
  <sheetData>
    <row r="1" spans="1:6" x14ac:dyDescent="0.15">
      <c r="F1" s="25" t="s">
        <v>12</v>
      </c>
    </row>
    <row r="2" spans="1:6" ht="21" customHeight="1" x14ac:dyDescent="0.15">
      <c r="A2" s="42" t="s">
        <v>0</v>
      </c>
      <c r="B2" s="42"/>
      <c r="C2" s="42"/>
      <c r="D2" s="42"/>
      <c r="E2" s="42"/>
      <c r="F2" s="42"/>
    </row>
    <row r="3" spans="1:6" ht="6" customHeight="1" x14ac:dyDescent="0.15">
      <c r="B3" s="2"/>
      <c r="C3" s="2"/>
      <c r="D3" s="2"/>
      <c r="E3" s="2"/>
    </row>
    <row r="4" spans="1:6" ht="21.75" customHeight="1" thickBot="1" x14ac:dyDescent="0.2">
      <c r="A4" s="26" t="s">
        <v>11</v>
      </c>
    </row>
    <row r="5" spans="1:6" s="12" customFormat="1" ht="16.2" x14ac:dyDescent="0.15">
      <c r="A5" s="36" t="s">
        <v>10</v>
      </c>
      <c r="B5" s="34" t="s">
        <v>1</v>
      </c>
      <c r="C5" s="34" t="s">
        <v>2</v>
      </c>
      <c r="D5" s="34" t="s">
        <v>3</v>
      </c>
      <c r="E5" s="38" t="s">
        <v>4</v>
      </c>
      <c r="F5" s="39"/>
    </row>
    <row r="6" spans="1:6" s="12" customFormat="1" ht="16.8" thickBot="1" x14ac:dyDescent="0.2">
      <c r="A6" s="37"/>
      <c r="B6" s="35"/>
      <c r="C6" s="35"/>
      <c r="D6" s="35"/>
      <c r="E6" s="40"/>
      <c r="F6" s="41"/>
    </row>
    <row r="7" spans="1:6" s="5" customFormat="1" ht="48" customHeight="1" x14ac:dyDescent="0.15">
      <c r="A7" s="23">
        <v>1</v>
      </c>
      <c r="B7" s="13" t="s">
        <v>5</v>
      </c>
      <c r="C7" s="3"/>
      <c r="D7" s="4"/>
      <c r="E7" s="32"/>
      <c r="F7" s="33"/>
    </row>
    <row r="8" spans="1:6" s="5" customFormat="1" ht="48" customHeight="1" x14ac:dyDescent="0.15">
      <c r="A8" s="18">
        <v>2</v>
      </c>
      <c r="B8" s="14" t="s">
        <v>6</v>
      </c>
      <c r="C8" s="7"/>
      <c r="D8" s="8"/>
      <c r="E8" s="30"/>
      <c r="F8" s="31"/>
    </row>
    <row r="9" spans="1:6" s="5" customFormat="1" ht="48" customHeight="1" x14ac:dyDescent="0.15">
      <c r="A9" s="18">
        <v>3</v>
      </c>
      <c r="B9" s="6"/>
      <c r="C9" s="7"/>
      <c r="D9" s="8"/>
      <c r="E9" s="30"/>
      <c r="F9" s="31"/>
    </row>
    <row r="10" spans="1:6" s="5" customFormat="1" ht="48" customHeight="1" x14ac:dyDescent="0.15">
      <c r="A10" s="18">
        <v>4</v>
      </c>
      <c r="B10" s="6"/>
      <c r="C10" s="7"/>
      <c r="D10" s="8"/>
      <c r="E10" s="30"/>
      <c r="F10" s="31"/>
    </row>
    <row r="11" spans="1:6" s="5" customFormat="1" ht="48" customHeight="1" x14ac:dyDescent="0.15">
      <c r="A11" s="18">
        <v>5</v>
      </c>
      <c r="B11" s="6"/>
      <c r="C11" s="7"/>
      <c r="D11" s="8"/>
      <c r="E11" s="30"/>
      <c r="F11" s="31"/>
    </row>
    <row r="12" spans="1:6" s="5" customFormat="1" ht="48" customHeight="1" x14ac:dyDescent="0.15">
      <c r="A12" s="18">
        <v>6</v>
      </c>
      <c r="B12" s="6"/>
      <c r="C12" s="7"/>
      <c r="D12" s="8"/>
      <c r="E12" s="30"/>
      <c r="F12" s="31"/>
    </row>
    <row r="13" spans="1:6" s="5" customFormat="1" ht="48" customHeight="1" x14ac:dyDescent="0.15">
      <c r="A13" s="18">
        <v>7</v>
      </c>
      <c r="B13" s="6"/>
      <c r="C13" s="7"/>
      <c r="D13" s="8"/>
      <c r="E13" s="30"/>
      <c r="F13" s="31"/>
    </row>
    <row r="14" spans="1:6" s="5" customFormat="1" ht="48" customHeight="1" x14ac:dyDescent="0.15">
      <c r="A14" s="18">
        <v>8</v>
      </c>
      <c r="B14" s="6"/>
      <c r="C14" s="7"/>
      <c r="D14" s="8"/>
      <c r="E14" s="30"/>
      <c r="F14" s="31"/>
    </row>
    <row r="15" spans="1:6" s="5" customFormat="1" ht="48" customHeight="1" x14ac:dyDescent="0.15">
      <c r="A15" s="18">
        <v>9</v>
      </c>
      <c r="B15" s="6"/>
      <c r="C15" s="7"/>
      <c r="D15" s="8"/>
      <c r="E15" s="30"/>
      <c r="F15" s="31"/>
    </row>
    <row r="16" spans="1:6" s="5" customFormat="1" ht="48" customHeight="1" x14ac:dyDescent="0.15">
      <c r="A16" s="18">
        <v>10</v>
      </c>
      <c r="B16" s="6"/>
      <c r="C16" s="7"/>
      <c r="D16" s="8"/>
      <c r="E16" s="30"/>
      <c r="F16" s="31"/>
    </row>
    <row r="17" spans="1:6" s="5" customFormat="1" ht="48" customHeight="1" x14ac:dyDescent="0.15">
      <c r="A17" s="18">
        <v>11</v>
      </c>
      <c r="B17" s="6"/>
      <c r="C17" s="7"/>
      <c r="D17" s="8"/>
      <c r="E17" s="30"/>
      <c r="F17" s="31"/>
    </row>
    <row r="18" spans="1:6" s="5" customFormat="1" ht="48" customHeight="1" x14ac:dyDescent="0.15">
      <c r="A18" s="18">
        <v>12</v>
      </c>
      <c r="B18" s="6"/>
      <c r="C18" s="7"/>
      <c r="D18" s="8"/>
      <c r="E18" s="30"/>
      <c r="F18" s="31"/>
    </row>
    <row r="19" spans="1:6" s="5" customFormat="1" ht="48" customHeight="1" x14ac:dyDescent="0.15">
      <c r="A19" s="18">
        <v>13</v>
      </c>
      <c r="B19" s="6"/>
      <c r="C19" s="7"/>
      <c r="D19" s="8"/>
      <c r="E19" s="30"/>
      <c r="F19" s="31"/>
    </row>
    <row r="20" spans="1:6" s="5" customFormat="1" ht="48" customHeight="1" x14ac:dyDescent="0.15">
      <c r="A20" s="18">
        <v>14</v>
      </c>
      <c r="B20" s="6"/>
      <c r="C20" s="7"/>
      <c r="D20" s="8"/>
      <c r="E20" s="30"/>
      <c r="F20" s="31"/>
    </row>
    <row r="21" spans="1:6" s="5" customFormat="1" ht="48" customHeight="1" x14ac:dyDescent="0.15">
      <c r="A21" s="18">
        <v>15</v>
      </c>
      <c r="B21" s="6"/>
      <c r="C21" s="7"/>
      <c r="D21" s="8"/>
      <c r="E21" s="30"/>
      <c r="F21" s="31"/>
    </row>
    <row r="22" spans="1:6" s="5" customFormat="1" ht="48" customHeight="1" x14ac:dyDescent="0.15">
      <c r="A22" s="18">
        <v>16</v>
      </c>
      <c r="B22" s="6"/>
      <c r="C22" s="7"/>
      <c r="D22" s="8"/>
      <c r="E22" s="30"/>
      <c r="F22" s="31"/>
    </row>
    <row r="23" spans="1:6" s="5" customFormat="1" ht="48" customHeight="1" x14ac:dyDescent="0.15">
      <c r="A23" s="18">
        <v>17</v>
      </c>
      <c r="B23" s="6"/>
      <c r="C23" s="7"/>
      <c r="D23" s="8"/>
      <c r="E23" s="30"/>
      <c r="F23" s="31"/>
    </row>
    <row r="24" spans="1:6" s="5" customFormat="1" ht="48" customHeight="1" x14ac:dyDescent="0.15">
      <c r="A24" s="18">
        <v>18</v>
      </c>
      <c r="B24" s="6"/>
      <c r="C24" s="7"/>
      <c r="D24" s="8"/>
      <c r="E24" s="30"/>
      <c r="F24" s="31"/>
    </row>
    <row r="25" spans="1:6" s="5" customFormat="1" ht="48" customHeight="1" x14ac:dyDescent="0.15">
      <c r="A25" s="18">
        <v>19</v>
      </c>
      <c r="B25" s="6"/>
      <c r="C25" s="7"/>
      <c r="D25" s="8"/>
      <c r="E25" s="30"/>
      <c r="F25" s="31"/>
    </row>
    <row r="26" spans="1:6" s="5" customFormat="1" ht="48" customHeight="1" thickBot="1" x14ac:dyDescent="0.2">
      <c r="A26" s="19">
        <v>20</v>
      </c>
      <c r="B26" s="20"/>
      <c r="C26" s="21"/>
      <c r="D26" s="22"/>
      <c r="E26" s="28"/>
      <c r="F26" s="29"/>
    </row>
    <row r="27" spans="1:6" s="5" customFormat="1" ht="18" customHeight="1" x14ac:dyDescent="0.15">
      <c r="A27" s="11"/>
      <c r="B27" s="10"/>
      <c r="C27" s="9"/>
      <c r="D27" s="11"/>
      <c r="E27" s="16"/>
      <c r="F27" s="17"/>
    </row>
    <row r="28" spans="1:6" s="5" customFormat="1" ht="18" customHeight="1" x14ac:dyDescent="0.15">
      <c r="A28" s="11"/>
      <c r="B28" s="10"/>
      <c r="C28" s="9"/>
      <c r="D28" s="11"/>
      <c r="E28" s="16"/>
      <c r="F28" s="17"/>
    </row>
    <row r="29" spans="1:6" s="9" customFormat="1" ht="18" customHeight="1" thickBot="1" x14ac:dyDescent="0.2">
      <c r="A29" s="11"/>
      <c r="B29" s="10"/>
      <c r="D29" s="11"/>
      <c r="E29" s="16"/>
      <c r="F29" s="17"/>
    </row>
    <row r="30" spans="1:6" s="27" customFormat="1" ht="17.25" customHeight="1" x14ac:dyDescent="0.15">
      <c r="A30" s="36" t="s">
        <v>10</v>
      </c>
      <c r="B30" s="34" t="s">
        <v>1</v>
      </c>
      <c r="C30" s="34" t="s">
        <v>2</v>
      </c>
      <c r="D30" s="34" t="s">
        <v>3</v>
      </c>
      <c r="E30" s="38" t="s">
        <v>9</v>
      </c>
      <c r="F30" s="39"/>
    </row>
    <row r="31" spans="1:6" s="27" customFormat="1" ht="17.25" customHeight="1" thickBot="1" x14ac:dyDescent="0.2">
      <c r="A31" s="37"/>
      <c r="B31" s="35"/>
      <c r="C31" s="35"/>
      <c r="D31" s="35"/>
      <c r="E31" s="40"/>
      <c r="F31" s="41"/>
    </row>
    <row r="32" spans="1:6" ht="47.25" customHeight="1" x14ac:dyDescent="0.15">
      <c r="A32" s="23">
        <v>21</v>
      </c>
      <c r="B32" s="24" t="s">
        <v>7</v>
      </c>
      <c r="C32" s="3"/>
      <c r="D32" s="4"/>
      <c r="E32" s="32"/>
      <c r="F32" s="33"/>
    </row>
    <row r="33" spans="1:6" ht="47.25" customHeight="1" x14ac:dyDescent="0.15">
      <c r="A33" s="18">
        <v>22</v>
      </c>
      <c r="B33" s="6" t="s">
        <v>8</v>
      </c>
      <c r="C33" s="7"/>
      <c r="D33" s="8"/>
      <c r="E33" s="30"/>
      <c r="F33" s="31"/>
    </row>
    <row r="34" spans="1:6" ht="47.25" customHeight="1" x14ac:dyDescent="0.15">
      <c r="A34" s="18">
        <v>23</v>
      </c>
      <c r="B34" s="6"/>
      <c r="C34" s="7"/>
      <c r="D34" s="8"/>
      <c r="E34" s="30"/>
      <c r="F34" s="31"/>
    </row>
    <row r="35" spans="1:6" ht="47.25" customHeight="1" x14ac:dyDescent="0.15">
      <c r="A35" s="18">
        <v>24</v>
      </c>
      <c r="B35" s="6"/>
      <c r="C35" s="7"/>
      <c r="D35" s="8"/>
      <c r="E35" s="30"/>
      <c r="F35" s="31"/>
    </row>
    <row r="36" spans="1:6" ht="47.25" customHeight="1" x14ac:dyDescent="0.15">
      <c r="A36" s="18">
        <v>25</v>
      </c>
      <c r="B36" s="6"/>
      <c r="C36" s="7"/>
      <c r="D36" s="8"/>
      <c r="E36" s="30"/>
      <c r="F36" s="31"/>
    </row>
    <row r="37" spans="1:6" ht="47.25" customHeight="1" x14ac:dyDescent="0.15">
      <c r="A37" s="18">
        <v>26</v>
      </c>
      <c r="B37" s="6"/>
      <c r="C37" s="7"/>
      <c r="D37" s="8"/>
      <c r="E37" s="30"/>
      <c r="F37" s="31"/>
    </row>
    <row r="38" spans="1:6" ht="47.25" customHeight="1" x14ac:dyDescent="0.15">
      <c r="A38" s="18">
        <v>27</v>
      </c>
      <c r="B38" s="6"/>
      <c r="C38" s="7"/>
      <c r="D38" s="8"/>
      <c r="E38" s="30"/>
      <c r="F38" s="31"/>
    </row>
    <row r="39" spans="1:6" ht="47.25" customHeight="1" x14ac:dyDescent="0.15">
      <c r="A39" s="18">
        <v>28</v>
      </c>
      <c r="B39" s="6"/>
      <c r="C39" s="7"/>
      <c r="D39" s="8"/>
      <c r="E39" s="30"/>
      <c r="F39" s="31"/>
    </row>
    <row r="40" spans="1:6" ht="47.25" customHeight="1" x14ac:dyDescent="0.15">
      <c r="A40" s="18">
        <v>29</v>
      </c>
      <c r="B40" s="6"/>
      <c r="C40" s="7"/>
      <c r="D40" s="8"/>
      <c r="E40" s="30"/>
      <c r="F40" s="31"/>
    </row>
    <row r="41" spans="1:6" ht="47.25" customHeight="1" x14ac:dyDescent="0.15">
      <c r="A41" s="18">
        <v>30</v>
      </c>
      <c r="B41" s="6"/>
      <c r="C41" s="7"/>
      <c r="D41" s="8"/>
      <c r="E41" s="30"/>
      <c r="F41" s="31"/>
    </row>
    <row r="42" spans="1:6" ht="47.25" customHeight="1" x14ac:dyDescent="0.15">
      <c r="A42" s="18">
        <v>31</v>
      </c>
      <c r="B42" s="6"/>
      <c r="C42" s="7"/>
      <c r="D42" s="8"/>
      <c r="E42" s="30"/>
      <c r="F42" s="31"/>
    </row>
    <row r="43" spans="1:6" ht="47.25" customHeight="1" x14ac:dyDescent="0.15">
      <c r="A43" s="18">
        <v>32</v>
      </c>
      <c r="B43" s="6"/>
      <c r="C43" s="7"/>
      <c r="D43" s="8"/>
      <c r="E43" s="30"/>
      <c r="F43" s="31"/>
    </row>
    <row r="44" spans="1:6" ht="47.25" customHeight="1" x14ac:dyDescent="0.15">
      <c r="A44" s="18">
        <v>33</v>
      </c>
      <c r="B44" s="6"/>
      <c r="C44" s="7"/>
      <c r="D44" s="8"/>
      <c r="E44" s="30"/>
      <c r="F44" s="31"/>
    </row>
    <row r="45" spans="1:6" ht="47.25" customHeight="1" x14ac:dyDescent="0.15">
      <c r="A45" s="18">
        <v>34</v>
      </c>
      <c r="B45" s="6"/>
      <c r="C45" s="7"/>
      <c r="D45" s="8"/>
      <c r="E45" s="30"/>
      <c r="F45" s="31"/>
    </row>
    <row r="46" spans="1:6" ht="47.25" customHeight="1" x14ac:dyDescent="0.15">
      <c r="A46" s="18">
        <v>35</v>
      </c>
      <c r="B46" s="6"/>
      <c r="C46" s="7"/>
      <c r="D46" s="8"/>
      <c r="E46" s="30"/>
      <c r="F46" s="31"/>
    </row>
    <row r="47" spans="1:6" ht="47.25" customHeight="1" x14ac:dyDescent="0.15">
      <c r="A47" s="18">
        <v>36</v>
      </c>
      <c r="B47" s="6"/>
      <c r="C47" s="7"/>
      <c r="D47" s="8"/>
      <c r="E47" s="30"/>
      <c r="F47" s="31"/>
    </row>
    <row r="48" spans="1:6" ht="47.25" customHeight="1" x14ac:dyDescent="0.15">
      <c r="A48" s="18">
        <v>37</v>
      </c>
      <c r="B48" s="6"/>
      <c r="C48" s="7"/>
      <c r="D48" s="8"/>
      <c r="E48" s="30"/>
      <c r="F48" s="31"/>
    </row>
    <row r="49" spans="1:6" ht="47.25" customHeight="1" x14ac:dyDescent="0.15">
      <c r="A49" s="18">
        <v>38</v>
      </c>
      <c r="B49" s="6"/>
      <c r="C49" s="7"/>
      <c r="D49" s="8"/>
      <c r="E49" s="30"/>
      <c r="F49" s="31"/>
    </row>
    <row r="50" spans="1:6" ht="47.25" customHeight="1" x14ac:dyDescent="0.15">
      <c r="A50" s="18">
        <v>39</v>
      </c>
      <c r="B50" s="6"/>
      <c r="C50" s="7"/>
      <c r="D50" s="8"/>
      <c r="E50" s="30"/>
      <c r="F50" s="31"/>
    </row>
    <row r="51" spans="1:6" ht="47.25" customHeight="1" thickBot="1" x14ac:dyDescent="0.2">
      <c r="A51" s="19">
        <v>40</v>
      </c>
      <c r="B51" s="20"/>
      <c r="C51" s="21"/>
      <c r="D51" s="22"/>
      <c r="E51" s="28"/>
      <c r="F51" s="29"/>
    </row>
  </sheetData>
  <mergeCells count="51">
    <mergeCell ref="A30:A31"/>
    <mergeCell ref="B30:B31"/>
    <mergeCell ref="C30:C31"/>
    <mergeCell ref="D30:D31"/>
    <mergeCell ref="E30:F31"/>
    <mergeCell ref="A2:F2"/>
    <mergeCell ref="A5:A6"/>
    <mergeCell ref="B5:B6"/>
    <mergeCell ref="C5:C6"/>
    <mergeCell ref="E5:F6"/>
    <mergeCell ref="E7:F7"/>
    <mergeCell ref="E8:F8"/>
    <mergeCell ref="D5:D6"/>
    <mergeCell ref="E9:F9"/>
    <mergeCell ref="E10:F10"/>
    <mergeCell ref="E11:F11"/>
    <mergeCell ref="E12:F12"/>
    <mergeCell ref="E13:F13"/>
    <mergeCell ref="E14:F14"/>
    <mergeCell ref="E15:F15"/>
    <mergeCell ref="E16:F16"/>
    <mergeCell ref="E17:F17"/>
    <mergeCell ref="E18:F18"/>
    <mergeCell ref="E19:F19"/>
    <mergeCell ref="E20:F20"/>
    <mergeCell ref="E21:F21"/>
    <mergeCell ref="E22:F22"/>
    <mergeCell ref="E23:F23"/>
    <mergeCell ref="E24:F24"/>
    <mergeCell ref="E25:F25"/>
    <mergeCell ref="E26:F26"/>
    <mergeCell ref="E32:F32"/>
    <mergeCell ref="E33:F33"/>
    <mergeCell ref="E34:F34"/>
    <mergeCell ref="E50:F50"/>
    <mergeCell ref="E35:F35"/>
    <mergeCell ref="E36:F36"/>
    <mergeCell ref="E37:F37"/>
    <mergeCell ref="E38:F38"/>
    <mergeCell ref="E39:F39"/>
    <mergeCell ref="E40:F40"/>
    <mergeCell ref="E51:F51"/>
    <mergeCell ref="E46:F46"/>
    <mergeCell ref="E47:F47"/>
    <mergeCell ref="E48:F48"/>
    <mergeCell ref="E49:F49"/>
    <mergeCell ref="E41:F41"/>
    <mergeCell ref="E42:F42"/>
    <mergeCell ref="E43:F43"/>
    <mergeCell ref="E44:F44"/>
    <mergeCell ref="E45:F45"/>
  </mergeCells>
  <phoneticPr fontId="37"/>
  <pageMargins left="0.59055118110236227" right="0.39370078740157483" top="0.59055118110236227" bottom="0.59055118110236227" header="0.51181102362204722" footer="0.51181102362204722"/>
  <pageSetup paperSize="9" scale="73" fitToHeight="2" orientation="portrait" r:id="rId1"/>
  <headerFooter alignWithMargins="0"/>
  <rowBreaks count="1" manualBreakCount="1">
    <brk id="27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団体登録名簿（様式２）</vt:lpstr>
      <vt:lpstr>'団体登録名簿（様式２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　情報システム課</dc:creator>
  <cp:lastModifiedBy>デジタル戦略本部室　柏木</cp:lastModifiedBy>
  <cp:lastPrinted>2015-03-26T13:28:39Z</cp:lastPrinted>
  <dcterms:created xsi:type="dcterms:W3CDTF">2005-02-27T02:05:53Z</dcterms:created>
  <dcterms:modified xsi:type="dcterms:W3CDTF">2026-02-16T11:00:14Z</dcterms:modified>
</cp:coreProperties>
</file>